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put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poster, grafische vormgeving, Lettertype&#10;&#10;Automatisch gegenereerde beschrijving">
            <a:extLst>
              <a:ext uri="{FF2B5EF4-FFF2-40B4-BE49-F238E27FC236}">
                <a16:creationId xmlns:a16="http://schemas.microsoft.com/office/drawing/2014/main" id="{84BA05B7-A764-755B-D225-5E9EE8FB1A9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8633" y="4452620"/>
            <a:ext cx="1498268" cy="215750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poster, grafische vormgeving, Lettertype&#10;&#10;Automatisch gegenereerde beschrijving">
            <a:extLst>
              <a:ext uri="{FF2B5EF4-FFF2-40B4-BE49-F238E27FC236}">
                <a16:creationId xmlns:a16="http://schemas.microsoft.com/office/drawing/2014/main" id="{705E98DB-A6C7-4C71-5DBB-02CEB83F515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0687" y="3514251"/>
            <a:ext cx="1266888" cy="182431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marL="0" indent="0">
              <a:buNone/>
              <a:defRPr/>
            </a:pP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C4D7E8CB-B58B-A347-D4F3-9262F7EB69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8</TotalTime>
  <Words>246</Words>
  <Application>Microsoft Office PowerPoint</Application>
  <PresentationFormat>Breedbeeld</PresentationFormat>
  <Paragraphs>55</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3</cp:revision>
  <dcterms:created xsi:type="dcterms:W3CDTF">2019-07-30T10:24:44Z</dcterms:created>
  <dcterms:modified xsi:type="dcterms:W3CDTF">2024-11-11T15:15:49Z</dcterms:modified>
</cp:coreProperties>
</file>